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ppt/tags/tag13.xml" ContentType="application/vnd.openxmlformats-officedocument.presentationml.tags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4"/>
  </p:notesMasterIdLst>
  <p:sldIdLst>
    <p:sldId id="256" r:id="rId2"/>
    <p:sldId id="280" r:id="rId3"/>
    <p:sldId id="281" r:id="rId4"/>
    <p:sldId id="269" r:id="rId5"/>
    <p:sldId id="270" r:id="rId6"/>
    <p:sldId id="271" r:id="rId7"/>
    <p:sldId id="274" r:id="rId8"/>
    <p:sldId id="275" r:id="rId9"/>
    <p:sldId id="277" r:id="rId10"/>
    <p:sldId id="279" r:id="rId11"/>
    <p:sldId id="278" r:id="rId12"/>
    <p:sldId id="273" r:id="rId13"/>
  </p:sldIdLst>
  <p:sldSz cx="9144000" cy="6858000" type="screen4x3"/>
  <p:notesSz cx="6858000" cy="9144000"/>
  <p:custDataLst>
    <p:tags r:id="rId1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CCCC"/>
    <a:srgbClr val="CCFF66"/>
    <a:srgbClr val="CC9900"/>
    <a:srgbClr val="9999FF"/>
    <a:srgbClr val="FFFF66"/>
    <a:srgbClr val="99CCFF"/>
    <a:srgbClr val="FFCC6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64" d="100"/>
          <a:sy n="64" d="100"/>
        </p:scale>
        <p:origin x="1340" y="52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3048F56-0A53-4864-95A2-5E6E74E6F2C4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7F1769E-BFD5-49B0-B936-E4C4D9D5E74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563098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1997191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6913443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6376542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633717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7704511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1671628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8436031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1343294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4062794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0051671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27F1769E-BFD5-49B0-B936-E4C4D9D5E745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3435254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127167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7393054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0325435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953223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072149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810687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6884557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9681963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4535780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459858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652721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jpe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/>
          <a:srcRect/>
          <a:tile tx="0" ty="0" sx="100000" sy="100000" flip="none" algn="tl"/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727992F-9891-43B0-BE7B-5C56903CF53B}" type="datetimeFigureOut">
              <a:rPr lang="en-US" smtClean="0"/>
              <a:t>5/26/202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49673A6-EA08-4F26-ABFD-F10F529A2B60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529182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microsoft.com/office/2007/relationships/hdphoto" Target="../media/hdphoto4.wdp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Relationship Id="rId6" Type="http://schemas.openxmlformats.org/officeDocument/2006/relationships/image" Target="../media/image10.jpeg"/><Relationship Id="rId5" Type="http://schemas.microsoft.com/office/2007/relationships/hdphoto" Target="../media/hdphoto3.wdp"/><Relationship Id="rId4" Type="http://schemas.openxmlformats.org/officeDocument/2006/relationships/image" Target="../media/image9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Relationship Id="rId5" Type="http://schemas.microsoft.com/office/2007/relationships/hdphoto" Target="../media/hdphoto5.wdp"/><Relationship Id="rId4" Type="http://schemas.openxmlformats.org/officeDocument/2006/relationships/image" Target="../media/image11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5" Type="http://schemas.openxmlformats.org/officeDocument/2006/relationships/image" Target="../media/image4.png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5" Type="http://schemas.microsoft.com/office/2007/relationships/hdphoto" Target="../media/hdphoto1.wdp"/><Relationship Id="rId4" Type="http://schemas.openxmlformats.org/officeDocument/2006/relationships/image" Target="../media/image6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5" Type="http://schemas.microsoft.com/office/2007/relationships/hdphoto" Target="../media/hdphoto2.wdp"/><Relationship Id="rId4" Type="http://schemas.openxmlformats.org/officeDocument/2006/relationships/image" Target="../media/image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8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28600" y="304800"/>
            <a:ext cx="8686800" cy="3124200"/>
          </a:xfrm>
          <a:solidFill>
            <a:schemeClr val="accent3">
              <a:lumMod val="60000"/>
              <a:lumOff val="40000"/>
            </a:schemeClr>
          </a:solidFill>
        </p:spPr>
        <p:txBody>
          <a:bodyPr>
            <a:normAutofit/>
          </a:bodyPr>
          <a:lstStyle/>
          <a:p>
            <a:r>
              <a:rPr lang="ja-JP" altLang="en-US" dirty="0"/>
              <a:t>サービスに関する　様々な表現</a:t>
            </a:r>
            <a:br>
              <a:rPr lang="en-US" altLang="ja-JP" dirty="0"/>
            </a:br>
            <a:br>
              <a:rPr lang="en-US" altLang="ja-JP" dirty="0"/>
            </a:br>
            <a:br>
              <a:rPr lang="en-US" altLang="ja-JP" dirty="0"/>
            </a:br>
            <a:r>
              <a:rPr lang="th-TH" altLang="ja-JP" sz="4800" b="1" dirty="0">
                <a:effectLst>
                  <a:glow rad="228600">
                    <a:schemeClr val="accent5">
                      <a:satMod val="175000"/>
                      <a:alpha val="40000"/>
                    </a:schemeClr>
                  </a:glow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สำนวนต่างๆที่ใช้ในงานบริการ</a:t>
            </a:r>
            <a:endParaRPr lang="en-US" sz="4800" b="1" dirty="0">
              <a:effectLst>
                <a:glow rad="228600">
                  <a:schemeClr val="accent5">
                    <a:satMod val="175000"/>
                    <a:alpha val="40000"/>
                  </a:schemeClr>
                </a:glow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Rounded Rectangle 3"/>
          <p:cNvSpPr/>
          <p:nvPr/>
        </p:nvSpPr>
        <p:spPr>
          <a:xfrm>
            <a:off x="3352800" y="1219200"/>
            <a:ext cx="1066800" cy="579474"/>
          </a:xfrm>
          <a:prstGeom prst="roundRect">
            <a:avLst/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ja-JP" alt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かん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ounded Rectangle 4"/>
          <p:cNvSpPr/>
          <p:nvPr/>
        </p:nvSpPr>
        <p:spPr>
          <a:xfrm>
            <a:off x="4694274" y="1219200"/>
            <a:ext cx="1905000" cy="579474"/>
          </a:xfrm>
          <a:prstGeom prst="roundRect">
            <a:avLst/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ja-JP" alt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さまざま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6" name="Rounded Rectangle 5"/>
          <p:cNvSpPr/>
          <p:nvPr/>
        </p:nvSpPr>
        <p:spPr>
          <a:xfrm>
            <a:off x="6620539" y="1233377"/>
            <a:ext cx="2286000" cy="579474"/>
          </a:xfrm>
          <a:prstGeom prst="roundRect">
            <a:avLst/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ja-JP" altLang="en-US" sz="32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ひょうげん</a:t>
            </a:r>
            <a:endParaRPr lang="en-US" sz="32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pic>
        <p:nvPicPr>
          <p:cNvPr id="7" name="Picture 3" descr="C:\Users\User\Desktop\shop_staff_01_d_04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57600" y="3501656"/>
            <a:ext cx="1882492" cy="30243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82644337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 descr="C:\Users\User\Desktop\22555735.jpg"/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rightnessContrast brigh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-27296"/>
            <a:ext cx="3038475" cy="4286250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123" name="Picture 3" descr="C:\Users\User\Desktop\201210090210000view.jpg"/>
          <p:cNvPicPr>
            <a:picLocks noChangeAspect="1" noChangeArrowheads="1"/>
          </p:cNvPicPr>
          <p:nvPr/>
        </p:nvPicPr>
        <p:blipFill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brightnessContrast bright="20000" contras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67000" y="2551932"/>
            <a:ext cx="6477000" cy="4307205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3505200" y="-9099"/>
            <a:ext cx="5638800" cy="1295400"/>
          </a:xfrm>
          <a:prstGeom prst="rect">
            <a:avLst/>
          </a:prstGeom>
        </p:spPr>
        <p:style>
          <a:lnRef idx="2">
            <a:schemeClr val="accent3">
              <a:shade val="50000"/>
            </a:schemeClr>
          </a:lnRef>
          <a:fillRef idx="1">
            <a:schemeClr val="accent3"/>
          </a:fillRef>
          <a:effectRef idx="0">
            <a:schemeClr val="accent3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th-TH" sz="3200" b="1" dirty="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อ้างอิงภาพจาก</a:t>
            </a:r>
            <a:endParaRPr lang="en-US" sz="3200" b="1" dirty="0">
              <a:solidFill>
                <a:schemeClr val="tx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algn="ctr"/>
            <a:r>
              <a:rPr lang="ja-JP" altLang="en-US" sz="2400" b="1" dirty="0">
                <a:solidFill>
                  <a:schemeClr val="tx1"/>
                </a:solidFill>
              </a:rPr>
              <a:t>カプセルホテル</a:t>
            </a:r>
            <a:r>
              <a:rPr lang="th-TH" altLang="ja-JP" sz="3200" b="1" dirty="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จากเว็บไซต์</a:t>
            </a:r>
            <a:r>
              <a:rPr lang="en-US" altLang="ja-JP" sz="3200" b="1" dirty="0" err="1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ixta</a:t>
            </a:r>
            <a:endParaRPr lang="en-US" sz="3200" b="1" dirty="0">
              <a:solidFill>
                <a:schemeClr val="tx1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3139786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9144000" cy="1143000"/>
          </a:xfr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r>
              <a:rPr lang="en-US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    </a:t>
            </a:r>
            <a:r>
              <a:rPr lang="th-TH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การนับจำนวนวันที่เข้าพัก</a:t>
            </a:r>
            <a:endParaRPr lang="en-US" sz="5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>
            <a:spLocks noGrp="1"/>
          </p:cNvSpPr>
          <p:nvPr>
            <p:ph idx="1"/>
          </p:nvPr>
        </p:nvSpPr>
        <p:spPr>
          <a:xfrm>
            <a:off x="0" y="1143000"/>
            <a:ext cx="9144000" cy="5715000"/>
          </a:xfr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endParaRPr lang="th-TH" dirty="0"/>
          </a:p>
          <a:p>
            <a:pPr marL="0" indent="0" algn="ctr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endParaRPr lang="th-TH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 いちにち   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วัน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むいか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6วัน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ふつか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วัน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なのか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7วัน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みっか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3วัน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ようか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8วัน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よっか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4วัน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ここのか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9วัน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いつか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5วัน</a:t>
            </a:r>
            <a:r>
              <a:rPr lang="en-US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</a:t>
            </a: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とおか</a:t>
            </a:r>
            <a:r>
              <a:rPr lang="th-TH" altLang="ja-JP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10วัน</a:t>
            </a:r>
            <a:endParaRPr lang="th-TH" altLang="ja-JP" sz="40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" name="Rounded Rectangle 2"/>
          <p:cNvSpPr/>
          <p:nvPr/>
        </p:nvSpPr>
        <p:spPr>
          <a:xfrm>
            <a:off x="2057400" y="1295400"/>
            <a:ext cx="5486400" cy="914400"/>
          </a:xfrm>
          <a:prstGeom prst="roundRect">
            <a:avLst/>
          </a:prstGeom>
          <a:solidFill>
            <a:schemeClr val="accent6">
              <a:lumMod val="75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>
              <a:spcBef>
                <a:spcPct val="20000"/>
              </a:spcBef>
            </a:pP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にち、</a:t>
            </a:r>
            <a:r>
              <a:rPr lang="th-TH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か　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วัน</a:t>
            </a:r>
          </a:p>
        </p:txBody>
      </p:sp>
      <p:pic>
        <p:nvPicPr>
          <p:cNvPr id="6146" name="Picture 2" descr="C:\Users\User\Desktop\hb07_01.gif"/>
          <p:cNvPicPr>
            <a:picLocks noChangeAspect="1" noChangeArrowheads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36" y="0"/>
            <a:ext cx="2365744" cy="2286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478454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7" dur="5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2" dur="500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17" dur="5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2" dur="500"/>
                                        <p:tgtEl>
                                          <p:spTgt spid="4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6" presetClass="entr" presetSubtype="2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7" dur="500"/>
                                        <p:tgtEl>
                                          <p:spTgt spid="4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1727012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ISPRING_INTERACTION_SHAPE0">
            <a:extLst>
              <a:ext uri="{FF2B5EF4-FFF2-40B4-BE49-F238E27FC236}">
                <a16:creationId xmlns:a16="http://schemas.microsoft.com/office/drawing/2014/main" id="{E791DB2D-1B59-4143-8C1A-01369D6070F5}"/>
              </a:ext>
            </a:extLst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2540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25400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13" name="ISPRING_INTERACTION_SHAPE1">
            <a:extLst>
              <a:ext uri="{FF2B5EF4-FFF2-40B4-BE49-F238E27FC236}">
                <a16:creationId xmlns:a16="http://schemas.microsoft.com/office/drawing/2014/main" id="{99EF4053-7723-4DCF-B767-1935B42950F3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609090" y="1851660"/>
            <a:ext cx="59309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4" name="ISPRING_INTERACTION_SHAPE2">
            <a:extLst>
              <a:ext uri="{FF2B5EF4-FFF2-40B4-BE49-F238E27FC236}">
                <a16:creationId xmlns:a16="http://schemas.microsoft.com/office/drawing/2014/main" id="{4FFF279B-D7E0-4D10-9870-AD7BD6DF02D3}"/>
              </a:ext>
            </a:extLst>
          </p:cNvPr>
          <p:cNvSpPr txBox="1"/>
          <p:nvPr/>
        </p:nvSpPr>
        <p:spPr>
          <a:xfrm>
            <a:off x="548640" y="41148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Interaction</a:t>
            </a:r>
          </a:p>
        </p:txBody>
      </p:sp>
      <p:pic>
        <p:nvPicPr>
          <p:cNvPr id="16" name="ISPRING_INTERACTION_SHAPE3">
            <a:extLst>
              <a:ext uri="{FF2B5EF4-FFF2-40B4-BE49-F238E27FC236}">
                <a16:creationId xmlns:a16="http://schemas.microsoft.com/office/drawing/2014/main" id="{D68FDD9B-3D7C-40C9-8F3A-2DA5E2A30992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315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7" name="ISPRING_INTERACTION_SHAPE4">
            <a:extLst>
              <a:ext uri="{FF2B5EF4-FFF2-40B4-BE49-F238E27FC236}">
                <a16:creationId xmlns:a16="http://schemas.microsoft.com/office/drawing/2014/main" id="{4E917097-ECBC-44D0-A220-91B2B313DA46}"/>
              </a:ext>
            </a:extLst>
          </p:cNvPr>
          <p:cNvSpPr txBox="1"/>
          <p:nvPr/>
        </p:nvSpPr>
        <p:spPr>
          <a:xfrm>
            <a:off x="548640" y="109728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Interaction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4037851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ISPRING_INTERACTION_SHAPE0">
            <a:extLst>
              <a:ext uri="{FF2B5EF4-FFF2-40B4-BE49-F238E27FC236}">
                <a16:creationId xmlns:a16="http://schemas.microsoft.com/office/drawing/2014/main" id="{93B90A6B-8078-4CE1-80C9-EDC5D437EA7D}"/>
              </a:ext>
            </a:extLst>
          </p:cNvPr>
          <p:cNvSpPr/>
          <p:nvPr/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FFFFFF"/>
          </a:solidFill>
          <a:ln w="25400" cap="flat" cmpd="sng" algn="ctr">
            <a:noFill/>
            <a:prstDash val="solid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25400" cap="flat" cmpd="sng" algn="ctr">
                <a:solidFill>
                  <a:schemeClr val="accent1">
                    <a:shade val="50000"/>
                  </a:schemeClr>
                </a:solidFill>
                <a:prstDash val="solid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ISPRING_INTERACTION_SHAPE1">
            <a:extLst>
              <a:ext uri="{FF2B5EF4-FFF2-40B4-BE49-F238E27FC236}">
                <a16:creationId xmlns:a16="http://schemas.microsoft.com/office/drawing/2014/main" id="{761EC8DE-DBF2-4635-A4B4-45041F074653}"/>
              </a:ext>
            </a:extLst>
          </p:cNvPr>
          <p:cNvPicPr>
            <a:picLocks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609090" y="1851660"/>
            <a:ext cx="59309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7" name="ISPRING_INTERACTION_SHAPE2">
            <a:extLst>
              <a:ext uri="{FF2B5EF4-FFF2-40B4-BE49-F238E27FC236}">
                <a16:creationId xmlns:a16="http://schemas.microsoft.com/office/drawing/2014/main" id="{1520F62C-CDEB-4C0D-BAAA-35893FA04406}"/>
              </a:ext>
            </a:extLst>
          </p:cNvPr>
          <p:cNvSpPr txBox="1"/>
          <p:nvPr/>
        </p:nvSpPr>
        <p:spPr>
          <a:xfrm>
            <a:off x="548640" y="411480"/>
            <a:ext cx="804672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  Interaction</a:t>
            </a:r>
          </a:p>
        </p:txBody>
      </p:sp>
      <p:pic>
        <p:nvPicPr>
          <p:cNvPr id="9" name="ISPRING_INTERACTION_SHAPE3">
            <a:extLst>
              <a:ext uri="{FF2B5EF4-FFF2-40B4-BE49-F238E27FC236}">
                <a16:creationId xmlns:a16="http://schemas.microsoft.com/office/drawing/2014/main" id="{46C3869D-1B6A-4ED4-B165-AAE1738FDDF2}"/>
              </a:ext>
            </a:extLst>
          </p:cNvPr>
          <p:cNvPicPr>
            <a:picLocks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3315441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0" name="ISPRING_INTERACTION_SHAPE4">
            <a:extLst>
              <a:ext uri="{FF2B5EF4-FFF2-40B4-BE49-F238E27FC236}">
                <a16:creationId xmlns:a16="http://schemas.microsoft.com/office/drawing/2014/main" id="{84640F5D-91B1-4451-A6DA-915DFA7B260F}"/>
              </a:ext>
            </a:extLst>
          </p:cNvPr>
          <p:cNvSpPr txBox="1"/>
          <p:nvPr/>
        </p:nvSpPr>
        <p:spPr>
          <a:xfrm>
            <a:off x="548640" y="1097280"/>
            <a:ext cx="804672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Click the </a:t>
            </a:r>
            <a:r>
              <a:rPr lang="en-US" sz="2200" b="1">
                <a:solidFill>
                  <a:srgbClr val="343944"/>
                </a:solidFill>
                <a:effectLst/>
                <a:latin typeface="Segoe UI Semibold" panose="020B0702040204020203" pitchFamily="34" charset="0"/>
              </a:rPr>
              <a:t>Interaction</a:t>
            </a:r>
            <a:r>
              <a:rPr lang="en-US" sz="2200">
                <a:solidFill>
                  <a:srgbClr val="343944"/>
                </a:solidFill>
                <a:effectLst/>
                <a:latin typeface="Segoe UI" panose="020B0502040204020203" pitchFamily="34" charset="0"/>
              </a:rPr>
              <a:t> button to edit this objec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2888278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0" y="1"/>
            <a:ext cx="9144000" cy="2438399"/>
          </a:xfrm>
          <a:solidFill>
            <a:srgbClr val="FFCCCC"/>
          </a:solidFill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pPr marL="0" indent="0" algn="ctr">
              <a:buNone/>
            </a:pP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また　おこしを　おまちして　おります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 txBox="1">
            <a:spLocks/>
          </p:cNvSpPr>
          <p:nvPr/>
        </p:nvSpPr>
        <p:spPr>
          <a:xfrm>
            <a:off x="0" y="3657600"/>
            <a:ext cx="9144000" cy="3239387"/>
          </a:xfrm>
          <a:prstGeom prst="rect">
            <a:avLst/>
          </a:prstGeom>
          <a:solidFill>
            <a:srgbClr val="FFCCCC"/>
          </a:solidFill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Arial" pitchFamily="34" charset="0"/>
              <a:buNone/>
            </a:pPr>
            <a:endParaRPr lang="en-US" altLang="ja-JP" sz="48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Font typeface="Arial" pitchFamily="34" charset="0"/>
              <a:buNone/>
            </a:pPr>
            <a:endParaRPr lang="en-US" altLang="ja-JP" sz="44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Font typeface="Arial" pitchFamily="34" charset="0"/>
              <a:buNone/>
            </a:pP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どうぞ　ごゆっくり　おすごしください</a:t>
            </a:r>
            <a:endParaRPr lang="en-US" sz="44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0" y="1981200"/>
            <a:ext cx="9144000" cy="1066800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ata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koshi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o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machishite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rimasu</a:t>
            </a:r>
            <a:endParaRPr lang="en-US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0" y="3276600"/>
            <a:ext cx="9144000" cy="1066800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ouzo</a:t>
            </a:r>
            <a:r>
              <a:rPr lang="en-US" sz="4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8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oyukkuri</a:t>
            </a:r>
            <a:r>
              <a:rPr lang="en-US" sz="4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8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sugoshikudasai</a:t>
            </a:r>
            <a:endParaRPr lang="en-US" sz="48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585157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0" y="1"/>
            <a:ext cx="9144000" cy="2666999"/>
          </a:xfrm>
          <a:solidFill>
            <a:schemeClr val="accent6">
              <a:lumMod val="60000"/>
              <a:lumOff val="40000"/>
            </a:schemeClr>
          </a:solidFill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pPr marL="0" indent="0" algn="ctr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どうぞ　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ごゆっくり　おめしあがりください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 txBox="1">
            <a:spLocks/>
          </p:cNvSpPr>
          <p:nvPr/>
        </p:nvSpPr>
        <p:spPr>
          <a:xfrm>
            <a:off x="0" y="3810000"/>
            <a:ext cx="9144000" cy="3086987"/>
          </a:xfrm>
          <a:prstGeom prst="rect">
            <a:avLst/>
          </a:prstGeom>
          <a:solidFill>
            <a:schemeClr val="accent6">
              <a:lumMod val="60000"/>
              <a:lumOff val="40000"/>
            </a:schemeClr>
          </a:solidFill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vert="horz" lIns="91440" tIns="45720" rIns="91440" bIns="45720" rtlCol="0">
            <a:normAutofit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Font typeface="Arial" pitchFamily="34" charset="0"/>
              <a:buNone/>
            </a:pPr>
            <a:endParaRPr lang="en-US" altLang="ja-JP" sz="48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Font typeface="Arial" pitchFamily="34" charset="0"/>
              <a:buNone/>
            </a:pPr>
            <a:endParaRPr lang="en-US" altLang="ja-JP" sz="44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marL="0" indent="0" algn="ctr">
              <a:buFont typeface="Arial" pitchFamily="34" charset="0"/>
              <a:buNone/>
            </a:pP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ごりよう、ありがとうございました</a:t>
            </a:r>
            <a:endParaRPr lang="en-US" sz="44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ectangle 4"/>
          <p:cNvSpPr/>
          <p:nvPr/>
        </p:nvSpPr>
        <p:spPr>
          <a:xfrm>
            <a:off x="0" y="1981200"/>
            <a:ext cx="9144000" cy="1066800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ouzo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oyukkuri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meshi</a:t>
            </a:r>
            <a:r>
              <a:rPr 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sz="44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garikudasai</a:t>
            </a:r>
            <a:endParaRPr lang="en-US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0" y="3429000"/>
            <a:ext cx="9144000" cy="1066800"/>
          </a:xfrm>
          <a:prstGeom prst="rect">
            <a:avLst/>
          </a:prstGeom>
        </p:spPr>
        <p:style>
          <a:lnRef idx="2">
            <a:schemeClr val="accent6"/>
          </a:lnRef>
          <a:fillRef idx="1">
            <a:schemeClr val="lt1"/>
          </a:fillRef>
          <a:effectRef idx="0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r>
              <a:rPr lang="en-US" sz="48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Goriyou</a:t>
            </a:r>
            <a:r>
              <a:rPr lang="en-US" sz="48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, </a:t>
            </a:r>
            <a:r>
              <a:rPr lang="en-US" sz="4800" b="1" dirty="0" err="1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rigatougozaimashita</a:t>
            </a:r>
            <a:endParaRPr lang="en-US" sz="48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465449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2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6" presetClass="entr" presetSubtype="2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inVertical)">
                                      <p:cBhvr>
                                        <p:cTn id="33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9144000" cy="1143000"/>
          </a:xfr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r>
              <a:rPr lang="th-TH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จำนวนนับเกี่ยวกับคน</a:t>
            </a:r>
            <a:endParaRPr lang="en-US" sz="5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>
            <a:spLocks noGrp="1"/>
          </p:cNvSpPr>
          <p:nvPr>
            <p:ph idx="1"/>
          </p:nvPr>
        </p:nvSpPr>
        <p:spPr>
          <a:xfrm>
            <a:off x="419100" y="1219200"/>
            <a:ext cx="8229600" cy="4525963"/>
          </a:xfr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endParaRPr lang="th-TH" dirty="0"/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ひとり</a:t>
            </a:r>
            <a:r>
              <a:rPr lang="ja-JP" altLang="en-US" dirty="0">
                <a:solidFill>
                  <a:srgbClr val="FF0000"/>
                </a:solidFill>
              </a:rPr>
              <a:t>　　　</a:t>
            </a:r>
            <a:r>
              <a:rPr lang="th-TH" altLang="ja-JP" dirty="0">
                <a:solidFill>
                  <a:srgbClr val="FF0000"/>
                </a:solidFill>
              </a:rPr>
              <a:t> </a:t>
            </a:r>
            <a:r>
              <a:rPr lang="th-TH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</a:t>
            </a:r>
            <a:r>
              <a:rPr lang="en-US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น</a:t>
            </a:r>
            <a:r>
              <a:rPr lang="ja-JP" altLang="en-US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r>
              <a:rPr lang="th-TH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よにん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 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4</a:t>
            </a:r>
            <a:endParaRPr lang="th-TH" altLang="ja-JP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ふたり</a:t>
            </a:r>
            <a:r>
              <a:rPr lang="ja-JP" altLang="en-US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r>
              <a:rPr lang="th-TH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</a:t>
            </a:r>
            <a:r>
              <a:rPr lang="en-US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36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น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ごにん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5</a:t>
            </a:r>
            <a:endParaRPr lang="en-US" altLang="ja-JP" sz="40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lvl="0"/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さんにん　</a:t>
            </a:r>
            <a:r>
              <a:rPr lang="th-TH" altLang="ja-JP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3</a:t>
            </a:r>
            <a:r>
              <a:rPr lang="en-US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น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sz="40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</a:t>
            </a:r>
            <a:r>
              <a:rPr lang="th-TH" altLang="ja-JP" sz="40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ja-JP" altLang="en-US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ろくにん</a:t>
            </a:r>
            <a:r>
              <a:rPr lang="ja-JP" altLang="en-US" sz="2400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sz="2400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6</a:t>
            </a:r>
            <a:endParaRPr lang="en-US" altLang="ja-JP" sz="40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ounded Rectangle 4"/>
          <p:cNvSpPr/>
          <p:nvPr/>
        </p:nvSpPr>
        <p:spPr>
          <a:xfrm>
            <a:off x="1676400" y="1204983"/>
            <a:ext cx="6172200" cy="995150"/>
          </a:xfrm>
          <a:prstGeom prst="roundRect">
            <a:avLst/>
          </a:prstGeom>
          <a:solidFill>
            <a:schemeClr val="accent6">
              <a:lumMod val="75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spcBef>
                <a:spcPct val="20000"/>
              </a:spcBef>
            </a:pP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り、</a:t>
            </a:r>
            <a:r>
              <a:rPr lang="th-TH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にん　　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คน</a:t>
            </a:r>
          </a:p>
        </p:txBody>
      </p:sp>
      <p:pic>
        <p:nvPicPr>
          <p:cNvPr id="2050" name="Picture 2" descr="C:\Users\User\Desktop\family_big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5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19400" y="4921090"/>
            <a:ext cx="3200400" cy="19562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213138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9144000" cy="1143000"/>
          </a:xfr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pPr algn="l"/>
            <a:r>
              <a:rPr lang="ja-JP" altLang="en-US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</a:t>
            </a:r>
            <a:r>
              <a:rPr lang="th-TH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การนับจำนวนชั้นในโรงแรม</a:t>
            </a:r>
            <a:endParaRPr lang="en-US" sz="5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>
            <a:spLocks noGrp="1"/>
          </p:cNvSpPr>
          <p:nvPr>
            <p:ph idx="1"/>
          </p:nvPr>
        </p:nvSpPr>
        <p:spPr/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endParaRPr lang="th-TH" dirty="0"/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いっかい</a:t>
            </a:r>
            <a:r>
              <a:rPr lang="ja-JP" altLang="en-US" dirty="0"/>
              <a:t>　　　</a:t>
            </a:r>
            <a:r>
              <a:rPr lang="th-TH" altLang="ja-JP" sz="36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　ろっかい　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en-US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6</a:t>
            </a:r>
            <a:endParaRPr lang="th-TH" altLang="ja-JP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にかい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th-TH" altLang="ja-JP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 2</a:t>
            </a:r>
            <a:r>
              <a:rPr lang="ja-JP" altLang="en-US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はちかい　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en-US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8</a:t>
            </a:r>
            <a:endParaRPr lang="en-US" altLang="ja-JP" sz="40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lvl="0"/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さんがい　　　</a:t>
            </a:r>
            <a:r>
              <a:rPr lang="th-TH" altLang="ja-JP" sz="40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 3</a:t>
            </a:r>
            <a:r>
              <a:rPr lang="ja-JP" altLang="en-US" sz="40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sz="40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じゅっかい　</a:t>
            </a:r>
            <a:r>
              <a:rPr lang="th-TH" altLang="ja-JP" sz="36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</a:t>
            </a:r>
            <a:r>
              <a:rPr lang="th-TH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</a:t>
            </a:r>
            <a:r>
              <a:rPr lang="en-US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0</a:t>
            </a:r>
            <a:endParaRPr lang="en-US" altLang="ja-JP" sz="40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ounded Rectangle 4"/>
          <p:cNvSpPr/>
          <p:nvPr/>
        </p:nvSpPr>
        <p:spPr>
          <a:xfrm>
            <a:off x="1600200" y="1671851"/>
            <a:ext cx="6172200" cy="995150"/>
          </a:xfrm>
          <a:prstGeom prst="roundRect">
            <a:avLst/>
          </a:prstGeom>
          <a:solidFill>
            <a:schemeClr val="accent6">
              <a:lumMod val="60000"/>
              <a:lumOff val="40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spcBef>
                <a:spcPct val="20000"/>
              </a:spcBef>
            </a:pPr>
            <a:r>
              <a:rPr lang="th-TH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  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かい</a:t>
            </a:r>
            <a:r>
              <a:rPr lang="en-US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,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がい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....</a:t>
            </a:r>
          </a:p>
        </p:txBody>
      </p:sp>
      <p:pic>
        <p:nvPicPr>
          <p:cNvPr id="3074" name="Picture 2" descr="C:\Users\User\Desktop\buil4.gif"/>
          <p:cNvPicPr>
            <a:picLocks noChangeAspect="1" noChangeArrowheads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harpenSoften amount="50000"/>
                    </a14:imgEffect>
                    <a14:imgEffect>
                      <a14:saturation sat="400000"/>
                    </a14:imgEffect>
                    <a14:imgEffect>
                      <a14:brightnessContrast bright="2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34200" y="-30708"/>
            <a:ext cx="2209800" cy="213180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6151249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9144000" cy="1143000"/>
          </a:xfr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pPr algn="l"/>
            <a:r>
              <a:rPr lang="ja-JP" altLang="en-US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th-TH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การเรียกเบอร์ห้องพัก</a:t>
            </a:r>
            <a:endParaRPr lang="en-US" sz="5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/>
          <a:lstStyle/>
          <a:p>
            <a:endParaRPr lang="th-TH" dirty="0"/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いちいちに　ごうしつ</a:t>
            </a:r>
            <a:r>
              <a:rPr lang="ja-JP" altLang="en-US" dirty="0"/>
              <a:t>　　</a:t>
            </a:r>
            <a:r>
              <a:rPr lang="th-TH" altLang="ja-JP" sz="36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ห้อง</a:t>
            </a:r>
            <a:r>
              <a:rPr lang="th-TH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en-US" altLang="ja-JP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12</a:t>
            </a:r>
            <a:endParaRPr lang="th-TH" altLang="ja-JP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いちぜろさん　ごうしつ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th-TH" altLang="ja-JP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ห้อง103</a:t>
            </a:r>
            <a:endParaRPr lang="en-US" altLang="ja-JP" sz="40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じゅっかい　にじゅうに　ごうしつ</a:t>
            </a:r>
            <a:r>
              <a:rPr lang="th-TH" altLang="ja-JP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ja-JP" altLang="en-US" dirty="0"/>
              <a:t>　</a:t>
            </a:r>
            <a:r>
              <a:rPr lang="th-TH" altLang="ja-JP" sz="36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ชั้น10 ห้อง22</a:t>
            </a:r>
            <a:endParaRPr lang="en-US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Rounded Rectangle 3"/>
          <p:cNvSpPr/>
          <p:nvPr/>
        </p:nvSpPr>
        <p:spPr>
          <a:xfrm>
            <a:off x="2286000" y="1671851"/>
            <a:ext cx="4648200" cy="914400"/>
          </a:xfrm>
          <a:prstGeom prst="roundRect">
            <a:avLst/>
          </a:prstGeom>
          <a:solidFill>
            <a:schemeClr val="accent6">
              <a:lumMod val="75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spcBef>
                <a:spcPct val="20000"/>
              </a:spcBef>
            </a:pPr>
            <a:r>
              <a:rPr lang="th-TH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ごうしつ　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ห้อง....</a:t>
            </a:r>
          </a:p>
        </p:txBody>
      </p:sp>
      <p:pic>
        <p:nvPicPr>
          <p:cNvPr id="1027" name="Picture 3" descr="C:\Users\User\Desktop\001701.smpl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74642" y="0"/>
            <a:ext cx="2769358" cy="1671851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0747601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0"/>
            <a:ext cx="9144000" cy="1143000"/>
          </a:xfrm>
        </p:spPr>
        <p:style>
          <a:lnRef idx="1">
            <a:schemeClr val="dk1"/>
          </a:lnRef>
          <a:fillRef idx="2">
            <a:schemeClr val="dk1"/>
          </a:fillRef>
          <a:effectRef idx="1">
            <a:schemeClr val="dk1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r>
              <a:rPr lang="th-TH" sz="5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การนับจำนวนคืนที่เข้าพัก</a:t>
            </a:r>
            <a:endParaRPr lang="en-US" sz="5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Content Placeholder 2"/>
          <p:cNvSpPr>
            <a:spLocks noGrp="1"/>
          </p:cNvSpPr>
          <p:nvPr>
            <p:ph idx="1"/>
          </p:nvPr>
        </p:nvSpPr>
        <p:spPr/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>
            <a:normAutofit/>
          </a:bodyPr>
          <a:lstStyle/>
          <a:p>
            <a:endParaRPr lang="th-TH" dirty="0"/>
          </a:p>
          <a:p>
            <a:pPr marL="0" indent="0">
              <a:buNone/>
            </a:pPr>
            <a:r>
              <a:rPr lang="ja-JP" altLang="en-US" sz="44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endParaRPr lang="en-US" altLang="ja-JP" sz="4400" b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いっぱく</a:t>
            </a:r>
            <a:r>
              <a:rPr lang="ja-JP" altLang="en-US" dirty="0">
                <a:solidFill>
                  <a:srgbClr val="FF0000"/>
                </a:solidFill>
              </a:rPr>
              <a:t>　　</a:t>
            </a:r>
            <a:r>
              <a:rPr lang="th-TH" altLang="ja-JP" dirty="0">
                <a:solidFill>
                  <a:srgbClr val="FF0000"/>
                </a:solidFill>
              </a:rPr>
              <a:t>  </a:t>
            </a:r>
            <a:r>
              <a:rPr lang="en-US" altLang="ja-JP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</a:t>
            </a:r>
            <a:r>
              <a:rPr lang="th-TH" altLang="ja-JP" sz="39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43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ืน</a:t>
            </a:r>
            <a:r>
              <a:rPr lang="ja-JP" altLang="en-US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ごはく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en-US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ja-JP" altLang="en-US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en-US" altLang="ja-JP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</a:t>
            </a:r>
            <a:r>
              <a:rPr lang="th-TH" altLang="ja-JP" sz="39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43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ืน</a:t>
            </a:r>
            <a:endParaRPr lang="en-US" altLang="ja-JP" sz="4300" b="1" dirty="0">
              <a:solidFill>
                <a:prstClr val="black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にはく</a:t>
            </a:r>
            <a:r>
              <a:rPr lang="ja-JP" altLang="en-US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th-TH" altLang="ja-JP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 คืน</a:t>
            </a:r>
            <a:r>
              <a:rPr lang="ja-JP" altLang="en-US" sz="4000" b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　</a:t>
            </a:r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ろっぱく</a:t>
            </a:r>
            <a:r>
              <a:rPr lang="ja-JP" altLang="en-US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en-US" altLang="ja-JP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1</a:t>
            </a:r>
            <a:r>
              <a:rPr lang="th-TH" altLang="ja-JP" sz="39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43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ืน</a:t>
            </a:r>
            <a:endParaRPr lang="en-US" altLang="ja-JP" sz="4300" b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さんぱく　　　</a:t>
            </a:r>
            <a:r>
              <a:rPr lang="th-TH" altLang="ja-JP" sz="40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3 คืน</a:t>
            </a:r>
            <a:r>
              <a:rPr lang="ja-JP" altLang="en-US" sz="40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　　</a:t>
            </a:r>
            <a:r>
              <a:rPr lang="ja-JP" altLang="en-US" sz="40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ja-JP" altLang="en-US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はっぱく</a:t>
            </a:r>
            <a:r>
              <a:rPr lang="ja-JP" altLang="en-US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　</a:t>
            </a:r>
            <a:r>
              <a:rPr lang="en-US" altLang="ja-JP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1</a:t>
            </a:r>
            <a:r>
              <a:rPr lang="th-TH" altLang="ja-JP" sz="39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th-TH" altLang="ja-JP" sz="4300" b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คืน</a:t>
            </a:r>
            <a:endParaRPr lang="en-US" altLang="ja-JP" sz="4000" b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Rounded Rectangle 4"/>
          <p:cNvSpPr/>
          <p:nvPr/>
        </p:nvSpPr>
        <p:spPr>
          <a:xfrm>
            <a:off x="1828800" y="1671851"/>
            <a:ext cx="5486400" cy="914400"/>
          </a:xfrm>
          <a:prstGeom prst="roundRect">
            <a:avLst/>
          </a:prstGeom>
          <a:solidFill>
            <a:schemeClr val="accent6">
              <a:lumMod val="75000"/>
            </a:schemeClr>
          </a:solidFill>
          <a:ln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>
              <a:spcBef>
                <a:spcPct val="20000"/>
              </a:spcBef>
            </a:pPr>
            <a:r>
              <a:rPr lang="th-TH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はく、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</a:t>
            </a:r>
            <a:r>
              <a:rPr lang="ja-JP" altLang="en-US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ぱく　　</a:t>
            </a:r>
            <a:r>
              <a:rPr lang="th-TH" altLang="ja-JP" sz="4400" b="1" dirty="0">
                <a:solidFill>
                  <a:prstClr val="black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....คืน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77066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90EA4D42-0C86-4FC2-B1EF-187596160134}"/>
  <p:tag name="ISPRING_RESOURCE_FOLDER" val="F:\THM3705 ภาษาญี่ปุ่นสำหรับอุตสาหกรรมโรงเรม\ญี่ปุ่นโรงเเรม บท3\"/>
  <p:tag name="ISPRING_PRESENTATION_PATH" val="F:\THM3705 ภาษาญี่ปุ่นสำหรับอุตสาหกรรมโรงเรม\ญี่ปุ่นโรงเเรม บท3.pptx"/>
  <p:tag name="ISPRING_PROJECT_VERSION" val="9.3"/>
  <p:tag name="ISPRING_PROJECT_FOLDER_UPDATED" val="1"/>
  <p:tag name="ISPRING_SCREEN_RECS_UPDATED" val="F:\THM3705 ภาษาญี่ปุ่นสำหรับอุตสาหกรรมโรงเรม\ญี่ปุ่นโรงเเรม บท3\"/>
  <p:tag name="ISPRING_PRESENTATION_TITLE" val="ญี่ปุ่นโรงเเรม บท3"/>
  <p:tag name="ISPRING_FIRST_PUBLI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5C8971-0011-4968-BFA7-D1B433DB9034}:277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5250377-F406-40D8-9C42-ACA0848C1209}:27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181791C-9FA6-4DE0-9405-D0671F47CEC9}:27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79CB4E-0768-4A2D-87F4-DE4273920FEF}:273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28A56AA-249D-4A24-9B00-222112CF00EB}: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Steps"/>
  <p:tag name="ISPRING_INTERACTION_FULL_PATH" val="F:\THM3705 ภาษาญี่ปุ่นสำหรับอุตสาหกรรมโรงเรม\ญี่ปุ่นโรงเเรม บท3\interactions\intr1.visuals"/>
  <p:tag name="ISPRING_INTERACTION_RELATIVE_PATH" val="ญี่ปุ่นโรงเเรม บท3\interactions\intr1.visuals"/>
  <p:tag name="GENSWF_SLIDE_UID" val="{749E0819-4314-4797-A97A-6E054F602296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INTERACTION_TYPE_SHAPE_ADDED" val="iSpring.Timeline"/>
  <p:tag name="ISPRING_INTERACTION_FULL_PATH" val="F:\THM3705 ภาษาญี่ปุ่นสำหรับอุตสาหกรรมโรงเรม\ญี่ปุ่นโรงเเรม บท3\interactions\intr2.visuals"/>
  <p:tag name="ISPRING_INTERACTION_RELATIVE_PATH" val="ญี่ปุ่นโรงเเรม บท3\interactions\intr2.visuals"/>
  <p:tag name="GENSWF_SLIDE_UID" val="{AE697D2D-F3A0-494A-9058-FCF65CCBE2D9}:28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6BD93C4-4DF0-406B-8A53-EC4BA10A468A}:269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AC04A9-2451-4362-A727-57C839E6D883}:27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5A97D93-0910-4196-987A-0E23F652CF89}:27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8AEF128-2063-4225-BFD2-A45CE6212ECC}:27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5660D8B-E7BC-4057-BE08-EBD01C6C9ADB}:275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309</TotalTime>
  <Words>475</Words>
  <Application>Microsoft Office PowerPoint</Application>
  <PresentationFormat>On-screen Show (4:3)</PresentationFormat>
  <Paragraphs>72</Paragraphs>
  <Slides>12</Slides>
  <Notes>11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2</vt:i4>
      </vt:variant>
    </vt:vector>
  </HeadingPairs>
  <TitlesOfParts>
    <vt:vector size="17" baseType="lpstr">
      <vt:lpstr>Arial</vt:lpstr>
      <vt:lpstr>Calibri</vt:lpstr>
      <vt:lpstr>Segoe UI</vt:lpstr>
      <vt:lpstr>Segoe UI Semibold</vt:lpstr>
      <vt:lpstr>Office Theme</vt:lpstr>
      <vt:lpstr>サービスに関する　様々な表現   สำนวนต่างๆที่ใช้ในงานบริการ</vt:lpstr>
      <vt:lpstr>PowerPoint Presentation</vt:lpstr>
      <vt:lpstr>PowerPoint Presentation</vt:lpstr>
      <vt:lpstr>PowerPoint Presentation</vt:lpstr>
      <vt:lpstr>PowerPoint Presentation</vt:lpstr>
      <vt:lpstr>จำนวนนับเกี่ยวกับคน</vt:lpstr>
      <vt:lpstr>　　การนับจำนวนชั้นในโรงแรม</vt:lpstr>
      <vt:lpstr>　　　　การเรียกเบอร์ห้องพัก</vt:lpstr>
      <vt:lpstr>การนับจำนวนคืนที่เข้าพัก</vt:lpstr>
      <vt:lpstr>PowerPoint Presentation</vt:lpstr>
      <vt:lpstr>      การนับจำนวนวันที่เข้าพัก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ญี่ปุ่นโรงเเรม บท3</dc:title>
  <dc:creator>AJ-Rudeemad</dc:creator>
  <cp:lastModifiedBy>User</cp:lastModifiedBy>
  <cp:revision>31</cp:revision>
  <dcterms:created xsi:type="dcterms:W3CDTF">2017-08-28T09:44:35Z</dcterms:created>
  <dcterms:modified xsi:type="dcterms:W3CDTF">2021-05-26T15:28:35Z</dcterms:modified>
</cp:coreProperties>
</file>